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4\HP2004\"/>
    </mc:Choice>
  </mc:AlternateContent>
  <bookViews>
    <workbookView xWindow="0" yWindow="0" windowWidth="23040" windowHeight="10668"/>
  </bookViews>
  <sheets>
    <sheet name="0000" sheetId="1" r:id="rId1"/>
  </sheets>
  <definedNames>
    <definedName name="_xlnm.Print_Titles" localSheetId="0">'0000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2年4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" activePane="bottomLeft" state="frozen"/>
      <selection sqref="A1:P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1" t="s">
        <v>0</v>
      </c>
      <c r="B1" s="1"/>
      <c r="C1" s="1"/>
      <c r="D1" s="1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3"/>
      <c r="B3" s="4" t="s">
        <v>1</v>
      </c>
      <c r="C3" s="4"/>
      <c r="D3" s="4"/>
    </row>
    <row r="4" spans="1:4" ht="18" customHeight="1" x14ac:dyDescent="0.2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2">
      <c r="A5" s="9">
        <v>0</v>
      </c>
      <c r="B5" s="10">
        <v>1513</v>
      </c>
      <c r="C5" s="11">
        <v>1365</v>
      </c>
      <c r="D5" s="12">
        <v>2878</v>
      </c>
    </row>
    <row r="6" spans="1:4" ht="18" customHeight="1" x14ac:dyDescent="0.2">
      <c r="A6" s="13">
        <v>1</v>
      </c>
      <c r="B6" s="14">
        <v>1530</v>
      </c>
      <c r="C6" s="15">
        <v>1491</v>
      </c>
      <c r="D6" s="16">
        <v>3021</v>
      </c>
    </row>
    <row r="7" spans="1:4" ht="18" customHeight="1" x14ac:dyDescent="0.2">
      <c r="A7" s="13">
        <v>2</v>
      </c>
      <c r="B7" s="14">
        <v>1514</v>
      </c>
      <c r="C7" s="15">
        <v>1495</v>
      </c>
      <c r="D7" s="16">
        <v>3009</v>
      </c>
    </row>
    <row r="8" spans="1:4" ht="18" customHeight="1" x14ac:dyDescent="0.2">
      <c r="A8" s="13">
        <v>3</v>
      </c>
      <c r="B8" s="14">
        <v>1631</v>
      </c>
      <c r="C8" s="15">
        <v>1531</v>
      </c>
      <c r="D8" s="16">
        <v>3162</v>
      </c>
    </row>
    <row r="9" spans="1:4" ht="18" customHeight="1" x14ac:dyDescent="0.2">
      <c r="A9" s="13">
        <v>4</v>
      </c>
      <c r="B9" s="14">
        <v>1688</v>
      </c>
      <c r="C9" s="15">
        <v>1542</v>
      </c>
      <c r="D9" s="16">
        <v>3230</v>
      </c>
    </row>
    <row r="10" spans="1:4" ht="18" customHeight="1" x14ac:dyDescent="0.2">
      <c r="A10" s="13" t="s">
        <v>6</v>
      </c>
      <c r="B10" s="17">
        <v>7876</v>
      </c>
      <c r="C10" s="18">
        <v>7424</v>
      </c>
      <c r="D10" s="19">
        <v>15300</v>
      </c>
    </row>
    <row r="11" spans="1:4" ht="18" customHeight="1" x14ac:dyDescent="0.2">
      <c r="A11" s="13">
        <v>5</v>
      </c>
      <c r="B11" s="17">
        <v>1629</v>
      </c>
      <c r="C11" s="18">
        <v>1605</v>
      </c>
      <c r="D11" s="19">
        <v>3234</v>
      </c>
    </row>
    <row r="12" spans="1:4" ht="18" customHeight="1" x14ac:dyDescent="0.2">
      <c r="A12" s="13">
        <v>6</v>
      </c>
      <c r="B12" s="17">
        <v>1632</v>
      </c>
      <c r="C12" s="18">
        <v>1619</v>
      </c>
      <c r="D12" s="19">
        <v>3251</v>
      </c>
    </row>
    <row r="13" spans="1:4" ht="18" customHeight="1" x14ac:dyDescent="0.2">
      <c r="A13" s="13">
        <v>7</v>
      </c>
      <c r="B13" s="17">
        <v>1684</v>
      </c>
      <c r="C13" s="18">
        <v>1565</v>
      </c>
      <c r="D13" s="19">
        <v>3249</v>
      </c>
    </row>
    <row r="14" spans="1:4" ht="18" customHeight="1" x14ac:dyDescent="0.2">
      <c r="A14" s="13">
        <v>8</v>
      </c>
      <c r="B14" s="17">
        <v>1681</v>
      </c>
      <c r="C14" s="18">
        <v>1677</v>
      </c>
      <c r="D14" s="19">
        <v>3358</v>
      </c>
    </row>
    <row r="15" spans="1:4" ht="18" customHeight="1" x14ac:dyDescent="0.2">
      <c r="A15" s="13">
        <v>9</v>
      </c>
      <c r="B15" s="17">
        <v>1821</v>
      </c>
      <c r="C15" s="18">
        <v>1560</v>
      </c>
      <c r="D15" s="19">
        <v>3381</v>
      </c>
    </row>
    <row r="16" spans="1:4" ht="18" customHeight="1" x14ac:dyDescent="0.2">
      <c r="A16" s="13" t="s">
        <v>7</v>
      </c>
      <c r="B16" s="17">
        <v>8447</v>
      </c>
      <c r="C16" s="18">
        <v>8026</v>
      </c>
      <c r="D16" s="19">
        <v>16473</v>
      </c>
    </row>
    <row r="17" spans="1:4" ht="18" customHeight="1" x14ac:dyDescent="0.2">
      <c r="A17" s="13">
        <v>10</v>
      </c>
      <c r="B17" s="17">
        <v>1778</v>
      </c>
      <c r="C17" s="18">
        <v>1723</v>
      </c>
      <c r="D17" s="19">
        <v>3501</v>
      </c>
    </row>
    <row r="18" spans="1:4" ht="18" customHeight="1" x14ac:dyDescent="0.2">
      <c r="A18" s="13">
        <v>11</v>
      </c>
      <c r="B18" s="17">
        <v>1861</v>
      </c>
      <c r="C18" s="18">
        <v>1688</v>
      </c>
      <c r="D18" s="19">
        <v>3549</v>
      </c>
    </row>
    <row r="19" spans="1:4" ht="18" customHeight="1" x14ac:dyDescent="0.2">
      <c r="A19" s="13">
        <v>12</v>
      </c>
      <c r="B19" s="17">
        <v>1769</v>
      </c>
      <c r="C19" s="18">
        <v>1761</v>
      </c>
      <c r="D19" s="19">
        <v>3530</v>
      </c>
    </row>
    <row r="20" spans="1:4" ht="18" customHeight="1" x14ac:dyDescent="0.2">
      <c r="A20" s="13">
        <v>13</v>
      </c>
      <c r="B20" s="17">
        <v>1839</v>
      </c>
      <c r="C20" s="18">
        <v>1815</v>
      </c>
      <c r="D20" s="19">
        <v>3654</v>
      </c>
    </row>
    <row r="21" spans="1:4" ht="18" customHeight="1" x14ac:dyDescent="0.2">
      <c r="A21" s="13">
        <v>14</v>
      </c>
      <c r="B21" s="17">
        <v>1900</v>
      </c>
      <c r="C21" s="18">
        <v>1717</v>
      </c>
      <c r="D21" s="19">
        <v>3617</v>
      </c>
    </row>
    <row r="22" spans="1:4" ht="18" customHeight="1" x14ac:dyDescent="0.2">
      <c r="A22" s="13" t="s">
        <v>8</v>
      </c>
      <c r="B22" s="17">
        <v>9147</v>
      </c>
      <c r="C22" s="18">
        <v>8704</v>
      </c>
      <c r="D22" s="19">
        <v>17851</v>
      </c>
    </row>
    <row r="23" spans="1:4" ht="18" customHeight="1" x14ac:dyDescent="0.2">
      <c r="A23" s="13" t="s">
        <v>9</v>
      </c>
      <c r="B23" s="17">
        <v>25470</v>
      </c>
      <c r="C23" s="18">
        <v>24154</v>
      </c>
      <c r="D23" s="19">
        <v>49624</v>
      </c>
    </row>
    <row r="24" spans="1:4" ht="18" customHeight="1" x14ac:dyDescent="0.2">
      <c r="A24" s="13">
        <v>15</v>
      </c>
      <c r="B24" s="17">
        <v>1900</v>
      </c>
      <c r="C24" s="18">
        <v>1838</v>
      </c>
      <c r="D24" s="19">
        <v>3738</v>
      </c>
    </row>
    <row r="25" spans="1:4" ht="18" customHeight="1" x14ac:dyDescent="0.2">
      <c r="A25" s="13">
        <v>16</v>
      </c>
      <c r="B25" s="17">
        <v>1941</v>
      </c>
      <c r="C25" s="18">
        <v>1900</v>
      </c>
      <c r="D25" s="19">
        <v>3841</v>
      </c>
    </row>
    <row r="26" spans="1:4" ht="18" customHeight="1" x14ac:dyDescent="0.2">
      <c r="A26" s="13">
        <v>17</v>
      </c>
      <c r="B26" s="17">
        <v>1975</v>
      </c>
      <c r="C26" s="18">
        <v>1811</v>
      </c>
      <c r="D26" s="19">
        <v>3786</v>
      </c>
    </row>
    <row r="27" spans="1:4" ht="18" customHeight="1" x14ac:dyDescent="0.2">
      <c r="A27" s="13">
        <v>18</v>
      </c>
      <c r="B27" s="17">
        <v>2042</v>
      </c>
      <c r="C27" s="18">
        <v>1935</v>
      </c>
      <c r="D27" s="19">
        <v>3977</v>
      </c>
    </row>
    <row r="28" spans="1:4" ht="18" customHeight="1" x14ac:dyDescent="0.2">
      <c r="A28" s="13">
        <v>19</v>
      </c>
      <c r="B28" s="17">
        <v>2156</v>
      </c>
      <c r="C28" s="18">
        <v>1930</v>
      </c>
      <c r="D28" s="19">
        <v>4086</v>
      </c>
    </row>
    <row r="29" spans="1:4" ht="18" customHeight="1" x14ac:dyDescent="0.2">
      <c r="A29" s="13" t="s">
        <v>10</v>
      </c>
      <c r="B29" s="17">
        <v>10014</v>
      </c>
      <c r="C29" s="18">
        <v>9414</v>
      </c>
      <c r="D29" s="19">
        <v>19428</v>
      </c>
    </row>
    <row r="30" spans="1:4" ht="18" customHeight="1" x14ac:dyDescent="0.2">
      <c r="A30" s="13">
        <v>20</v>
      </c>
      <c r="B30" s="17">
        <v>2161</v>
      </c>
      <c r="C30" s="18">
        <v>1984</v>
      </c>
      <c r="D30" s="19">
        <v>4145</v>
      </c>
    </row>
    <row r="31" spans="1:4" ht="18" customHeight="1" x14ac:dyDescent="0.2">
      <c r="A31" s="13">
        <v>21</v>
      </c>
      <c r="B31" s="17">
        <v>2088</v>
      </c>
      <c r="C31" s="18">
        <v>1954</v>
      </c>
      <c r="D31" s="19">
        <v>4042</v>
      </c>
    </row>
    <row r="32" spans="1:4" ht="18" customHeight="1" x14ac:dyDescent="0.2">
      <c r="A32" s="13">
        <v>22</v>
      </c>
      <c r="B32" s="17">
        <v>2200</v>
      </c>
      <c r="C32" s="18">
        <v>1845</v>
      </c>
      <c r="D32" s="19">
        <v>4045</v>
      </c>
    </row>
    <row r="33" spans="1:4" ht="18" customHeight="1" x14ac:dyDescent="0.2">
      <c r="A33" s="13">
        <v>23</v>
      </c>
      <c r="B33" s="17">
        <v>2128</v>
      </c>
      <c r="C33" s="18">
        <v>1877</v>
      </c>
      <c r="D33" s="19">
        <v>4005</v>
      </c>
    </row>
    <row r="34" spans="1:4" ht="18" customHeight="1" x14ac:dyDescent="0.2">
      <c r="A34" s="13">
        <v>24</v>
      </c>
      <c r="B34" s="17">
        <v>2222</v>
      </c>
      <c r="C34" s="18">
        <v>1806</v>
      </c>
      <c r="D34" s="19">
        <v>4028</v>
      </c>
    </row>
    <row r="35" spans="1:4" ht="18" customHeight="1" x14ac:dyDescent="0.2">
      <c r="A35" s="13" t="s">
        <v>11</v>
      </c>
      <c r="B35" s="17">
        <v>10799</v>
      </c>
      <c r="C35" s="18">
        <v>9466</v>
      </c>
      <c r="D35" s="19">
        <v>20265</v>
      </c>
    </row>
    <row r="36" spans="1:4" ht="18" customHeight="1" x14ac:dyDescent="0.2">
      <c r="A36" s="13">
        <v>25</v>
      </c>
      <c r="B36" s="17">
        <v>2175</v>
      </c>
      <c r="C36" s="18">
        <v>1936</v>
      </c>
      <c r="D36" s="19">
        <v>4111</v>
      </c>
    </row>
    <row r="37" spans="1:4" ht="18" customHeight="1" x14ac:dyDescent="0.2">
      <c r="A37" s="13">
        <v>26</v>
      </c>
      <c r="B37" s="17">
        <v>2095</v>
      </c>
      <c r="C37" s="18">
        <v>1857</v>
      </c>
      <c r="D37" s="19">
        <v>3952</v>
      </c>
    </row>
    <row r="38" spans="1:4" ht="18" customHeight="1" x14ac:dyDescent="0.2">
      <c r="A38" s="13">
        <v>27</v>
      </c>
      <c r="B38" s="17">
        <v>2012</v>
      </c>
      <c r="C38" s="18">
        <v>1823</v>
      </c>
      <c r="D38" s="19">
        <v>3835</v>
      </c>
    </row>
    <row r="39" spans="1:4" ht="18" customHeight="1" x14ac:dyDescent="0.2">
      <c r="A39" s="13">
        <v>28</v>
      </c>
      <c r="B39" s="17">
        <v>2074</v>
      </c>
      <c r="C39" s="18">
        <v>1877</v>
      </c>
      <c r="D39" s="19">
        <v>3951</v>
      </c>
    </row>
    <row r="40" spans="1:4" ht="18" customHeight="1" x14ac:dyDescent="0.2">
      <c r="A40" s="13">
        <v>29</v>
      </c>
      <c r="B40" s="17">
        <v>2213</v>
      </c>
      <c r="C40" s="18">
        <v>1788</v>
      </c>
      <c r="D40" s="19">
        <v>4001</v>
      </c>
    </row>
    <row r="41" spans="1:4" ht="18" customHeight="1" x14ac:dyDescent="0.2">
      <c r="A41" s="13" t="s">
        <v>12</v>
      </c>
      <c r="B41" s="17">
        <v>10569</v>
      </c>
      <c r="C41" s="18">
        <v>9281</v>
      </c>
      <c r="D41" s="19">
        <v>19850</v>
      </c>
    </row>
    <row r="42" spans="1:4" ht="18" customHeight="1" x14ac:dyDescent="0.2">
      <c r="A42" s="13">
        <v>30</v>
      </c>
      <c r="B42" s="17">
        <v>2105</v>
      </c>
      <c r="C42" s="18">
        <v>1872</v>
      </c>
      <c r="D42" s="19">
        <v>3977</v>
      </c>
    </row>
    <row r="43" spans="1:4" ht="18" customHeight="1" x14ac:dyDescent="0.2">
      <c r="A43" s="13">
        <v>31</v>
      </c>
      <c r="B43" s="17">
        <v>2258</v>
      </c>
      <c r="C43" s="18">
        <v>1961</v>
      </c>
      <c r="D43" s="19">
        <v>4219</v>
      </c>
    </row>
    <row r="44" spans="1:4" ht="18" customHeight="1" x14ac:dyDescent="0.2">
      <c r="A44" s="13">
        <v>32</v>
      </c>
      <c r="B44" s="17">
        <v>2112</v>
      </c>
      <c r="C44" s="18">
        <v>1918</v>
      </c>
      <c r="D44" s="19">
        <v>4030</v>
      </c>
    </row>
    <row r="45" spans="1:4" ht="18" customHeight="1" x14ac:dyDescent="0.2">
      <c r="A45" s="13">
        <v>33</v>
      </c>
      <c r="B45" s="17">
        <v>2280</v>
      </c>
      <c r="C45" s="18">
        <v>2153</v>
      </c>
      <c r="D45" s="19">
        <v>4433</v>
      </c>
    </row>
    <row r="46" spans="1:4" ht="18" customHeight="1" x14ac:dyDescent="0.2">
      <c r="A46" s="13">
        <v>34</v>
      </c>
      <c r="B46" s="17">
        <v>2292</v>
      </c>
      <c r="C46" s="18">
        <v>2204</v>
      </c>
      <c r="D46" s="19">
        <v>4496</v>
      </c>
    </row>
    <row r="47" spans="1:4" ht="18" customHeight="1" x14ac:dyDescent="0.2">
      <c r="A47" s="13" t="s">
        <v>13</v>
      </c>
      <c r="B47" s="17">
        <v>11047</v>
      </c>
      <c r="C47" s="18">
        <v>10108</v>
      </c>
      <c r="D47" s="19">
        <v>21155</v>
      </c>
    </row>
    <row r="48" spans="1:4" ht="18" customHeight="1" x14ac:dyDescent="0.2">
      <c r="A48" s="13">
        <v>35</v>
      </c>
      <c r="B48" s="17">
        <v>2491</v>
      </c>
      <c r="C48" s="18">
        <v>2226</v>
      </c>
      <c r="D48" s="19">
        <v>4717</v>
      </c>
    </row>
    <row r="49" spans="1:4" ht="18" customHeight="1" x14ac:dyDescent="0.2">
      <c r="A49" s="13">
        <v>36</v>
      </c>
      <c r="B49" s="17">
        <v>2382</v>
      </c>
      <c r="C49" s="18">
        <v>2221</v>
      </c>
      <c r="D49" s="19">
        <v>4603</v>
      </c>
    </row>
    <row r="50" spans="1:4" ht="18" customHeight="1" x14ac:dyDescent="0.2">
      <c r="A50" s="13">
        <v>37</v>
      </c>
      <c r="B50" s="17">
        <v>2444</v>
      </c>
      <c r="C50" s="18">
        <v>2169</v>
      </c>
      <c r="D50" s="19">
        <v>4613</v>
      </c>
    </row>
    <row r="51" spans="1:4" ht="18" customHeight="1" x14ac:dyDescent="0.2">
      <c r="A51" s="13">
        <v>38</v>
      </c>
      <c r="B51" s="17">
        <v>2445</v>
      </c>
      <c r="C51" s="18">
        <v>2433</v>
      </c>
      <c r="D51" s="19">
        <v>4878</v>
      </c>
    </row>
    <row r="52" spans="1:4" ht="18" customHeight="1" x14ac:dyDescent="0.2">
      <c r="A52" s="13">
        <v>39</v>
      </c>
      <c r="B52" s="17">
        <v>2469</v>
      </c>
      <c r="C52" s="18">
        <v>2274</v>
      </c>
      <c r="D52" s="19">
        <v>4743</v>
      </c>
    </row>
    <row r="53" spans="1:4" ht="18" customHeight="1" x14ac:dyDescent="0.2">
      <c r="A53" s="13" t="s">
        <v>14</v>
      </c>
      <c r="B53" s="17">
        <v>12231</v>
      </c>
      <c r="C53" s="18">
        <v>11323</v>
      </c>
      <c r="D53" s="19">
        <v>23554</v>
      </c>
    </row>
    <row r="54" spans="1:4" ht="18" customHeight="1" x14ac:dyDescent="0.2">
      <c r="A54" s="13">
        <v>40</v>
      </c>
      <c r="B54" s="17">
        <v>2623</v>
      </c>
      <c r="C54" s="18">
        <v>2524</v>
      </c>
      <c r="D54" s="19">
        <v>5147</v>
      </c>
    </row>
    <row r="55" spans="1:4" ht="18" customHeight="1" x14ac:dyDescent="0.2">
      <c r="A55" s="13">
        <v>41</v>
      </c>
      <c r="B55" s="17">
        <v>2759</v>
      </c>
      <c r="C55" s="18">
        <v>2639</v>
      </c>
      <c r="D55" s="19">
        <v>5398</v>
      </c>
    </row>
    <row r="56" spans="1:4" ht="18" customHeight="1" x14ac:dyDescent="0.2">
      <c r="A56" s="13">
        <v>42</v>
      </c>
      <c r="B56" s="17">
        <v>2995</v>
      </c>
      <c r="C56" s="18">
        <v>2692</v>
      </c>
      <c r="D56" s="19">
        <v>5687</v>
      </c>
    </row>
    <row r="57" spans="1:4" ht="18" customHeight="1" x14ac:dyDescent="0.2">
      <c r="A57" s="13">
        <v>43</v>
      </c>
      <c r="B57" s="17">
        <v>3011</v>
      </c>
      <c r="C57" s="18">
        <v>2825</v>
      </c>
      <c r="D57" s="19">
        <v>5836</v>
      </c>
    </row>
    <row r="58" spans="1:4" ht="18" customHeight="1" x14ac:dyDescent="0.2">
      <c r="A58" s="13">
        <v>44</v>
      </c>
      <c r="B58" s="17">
        <v>3260</v>
      </c>
      <c r="C58" s="18">
        <v>3056</v>
      </c>
      <c r="D58" s="19">
        <v>6316</v>
      </c>
    </row>
    <row r="59" spans="1:4" ht="18" customHeight="1" x14ac:dyDescent="0.2">
      <c r="A59" s="13" t="s">
        <v>15</v>
      </c>
      <c r="B59" s="17">
        <v>14648</v>
      </c>
      <c r="C59" s="18">
        <v>13736</v>
      </c>
      <c r="D59" s="19">
        <v>28384</v>
      </c>
    </row>
    <row r="60" spans="1:4" ht="18" customHeight="1" x14ac:dyDescent="0.2">
      <c r="A60" s="13">
        <v>45</v>
      </c>
      <c r="B60" s="17">
        <v>3414</v>
      </c>
      <c r="C60" s="18">
        <v>3277</v>
      </c>
      <c r="D60" s="19">
        <v>6691</v>
      </c>
    </row>
    <row r="61" spans="1:4" ht="18" customHeight="1" x14ac:dyDescent="0.2">
      <c r="A61" s="13">
        <v>46</v>
      </c>
      <c r="B61" s="17">
        <v>3504</v>
      </c>
      <c r="C61" s="18">
        <v>3475</v>
      </c>
      <c r="D61" s="19">
        <v>6979</v>
      </c>
    </row>
    <row r="62" spans="1:4" ht="18" customHeight="1" x14ac:dyDescent="0.2">
      <c r="A62" s="13">
        <v>47</v>
      </c>
      <c r="B62" s="17">
        <v>3549</v>
      </c>
      <c r="C62" s="18">
        <v>3390</v>
      </c>
      <c r="D62" s="19">
        <v>6939</v>
      </c>
    </row>
    <row r="63" spans="1:4" ht="18" customHeight="1" x14ac:dyDescent="0.2">
      <c r="A63" s="13">
        <v>48</v>
      </c>
      <c r="B63" s="17">
        <v>3434</v>
      </c>
      <c r="C63" s="18">
        <v>3271</v>
      </c>
      <c r="D63" s="19">
        <v>6705</v>
      </c>
    </row>
    <row r="64" spans="1:4" ht="18" customHeight="1" x14ac:dyDescent="0.2">
      <c r="A64" s="13">
        <v>49</v>
      </c>
      <c r="B64" s="17">
        <v>3264</v>
      </c>
      <c r="C64" s="18">
        <v>3114</v>
      </c>
      <c r="D64" s="19">
        <v>6378</v>
      </c>
    </row>
    <row r="65" spans="1:4" ht="18" customHeight="1" x14ac:dyDescent="0.2">
      <c r="A65" s="13" t="s">
        <v>16</v>
      </c>
      <c r="B65" s="17">
        <v>17165</v>
      </c>
      <c r="C65" s="18">
        <v>16527</v>
      </c>
      <c r="D65" s="19">
        <v>33692</v>
      </c>
    </row>
    <row r="66" spans="1:4" ht="18" customHeight="1" x14ac:dyDescent="0.2">
      <c r="A66" s="13">
        <v>50</v>
      </c>
      <c r="B66" s="17">
        <v>3107</v>
      </c>
      <c r="C66" s="18">
        <v>2888</v>
      </c>
      <c r="D66" s="19">
        <v>5995</v>
      </c>
    </row>
    <row r="67" spans="1:4" ht="18" customHeight="1" x14ac:dyDescent="0.2">
      <c r="A67" s="13">
        <v>51</v>
      </c>
      <c r="B67" s="17">
        <v>3071</v>
      </c>
      <c r="C67" s="18">
        <v>2914</v>
      </c>
      <c r="D67" s="19">
        <v>5985</v>
      </c>
    </row>
    <row r="68" spans="1:4" ht="18" customHeight="1" x14ac:dyDescent="0.2">
      <c r="A68" s="13">
        <v>52</v>
      </c>
      <c r="B68" s="17">
        <v>2878</v>
      </c>
      <c r="C68" s="18">
        <v>2831</v>
      </c>
      <c r="D68" s="19">
        <v>5709</v>
      </c>
    </row>
    <row r="69" spans="1:4" ht="18" customHeight="1" x14ac:dyDescent="0.2">
      <c r="A69" s="13">
        <v>53</v>
      </c>
      <c r="B69" s="17">
        <v>2539</v>
      </c>
      <c r="C69" s="18">
        <v>2514</v>
      </c>
      <c r="D69" s="19">
        <v>5053</v>
      </c>
    </row>
    <row r="70" spans="1:4" ht="18" customHeight="1" x14ac:dyDescent="0.2">
      <c r="A70" s="13">
        <v>54</v>
      </c>
      <c r="B70" s="17">
        <v>2420</v>
      </c>
      <c r="C70" s="18">
        <v>2508</v>
      </c>
      <c r="D70" s="19">
        <v>4928</v>
      </c>
    </row>
    <row r="71" spans="1:4" ht="18" customHeight="1" x14ac:dyDescent="0.2">
      <c r="A71" s="13" t="s">
        <v>17</v>
      </c>
      <c r="B71" s="17">
        <v>14015</v>
      </c>
      <c r="C71" s="18">
        <v>13655</v>
      </c>
      <c r="D71" s="19">
        <v>27670</v>
      </c>
    </row>
    <row r="72" spans="1:4" ht="18" customHeight="1" x14ac:dyDescent="0.2">
      <c r="A72" s="13">
        <v>55</v>
      </c>
      <c r="B72" s="17">
        <v>2594</v>
      </c>
      <c r="C72" s="18">
        <v>2674</v>
      </c>
      <c r="D72" s="19">
        <v>5268</v>
      </c>
    </row>
    <row r="73" spans="1:4" ht="18" customHeight="1" x14ac:dyDescent="0.2">
      <c r="A73" s="13">
        <v>56</v>
      </c>
      <c r="B73" s="17">
        <v>2581</v>
      </c>
      <c r="C73" s="18">
        <v>2513</v>
      </c>
      <c r="D73" s="19">
        <v>5094</v>
      </c>
    </row>
    <row r="74" spans="1:4" ht="18" customHeight="1" x14ac:dyDescent="0.2">
      <c r="A74" s="13">
        <v>57</v>
      </c>
      <c r="B74" s="17">
        <v>2440</v>
      </c>
      <c r="C74" s="18">
        <v>2451</v>
      </c>
      <c r="D74" s="19">
        <v>4891</v>
      </c>
    </row>
    <row r="75" spans="1:4" ht="18" customHeight="1" x14ac:dyDescent="0.2">
      <c r="A75" s="13">
        <v>58</v>
      </c>
      <c r="B75" s="17">
        <v>2322</v>
      </c>
      <c r="C75" s="18">
        <v>2311</v>
      </c>
      <c r="D75" s="19">
        <v>4633</v>
      </c>
    </row>
    <row r="76" spans="1:4" ht="18" customHeight="1" x14ac:dyDescent="0.2">
      <c r="A76" s="13">
        <v>59</v>
      </c>
      <c r="B76" s="17">
        <v>2299</v>
      </c>
      <c r="C76" s="18">
        <v>2463</v>
      </c>
      <c r="D76" s="19">
        <v>4762</v>
      </c>
    </row>
    <row r="77" spans="1:4" ht="18" customHeight="1" x14ac:dyDescent="0.2">
      <c r="A77" s="13" t="s">
        <v>18</v>
      </c>
      <c r="B77" s="17">
        <v>12236</v>
      </c>
      <c r="C77" s="18">
        <v>12412</v>
      </c>
      <c r="D77" s="19">
        <v>24648</v>
      </c>
    </row>
    <row r="78" spans="1:4" ht="18" customHeight="1" x14ac:dyDescent="0.2">
      <c r="A78" s="13">
        <v>60</v>
      </c>
      <c r="B78" s="17">
        <v>2343</v>
      </c>
      <c r="C78" s="18">
        <v>2368</v>
      </c>
      <c r="D78" s="19">
        <v>4711</v>
      </c>
    </row>
    <row r="79" spans="1:4" ht="18" customHeight="1" x14ac:dyDescent="0.2">
      <c r="A79" s="13">
        <v>61</v>
      </c>
      <c r="B79" s="17">
        <v>2329</v>
      </c>
      <c r="C79" s="18">
        <v>2539</v>
      </c>
      <c r="D79" s="19">
        <v>4868</v>
      </c>
    </row>
    <row r="80" spans="1:4" ht="18" customHeight="1" x14ac:dyDescent="0.2">
      <c r="A80" s="13">
        <v>62</v>
      </c>
      <c r="B80" s="17">
        <v>2279</v>
      </c>
      <c r="C80" s="18">
        <v>2286</v>
      </c>
      <c r="D80" s="19">
        <v>4565</v>
      </c>
    </row>
    <row r="81" spans="1:4" ht="18" customHeight="1" x14ac:dyDescent="0.2">
      <c r="A81" s="13">
        <v>63</v>
      </c>
      <c r="B81" s="17">
        <v>2188</v>
      </c>
      <c r="C81" s="18">
        <v>2345</v>
      </c>
      <c r="D81" s="19">
        <v>4533</v>
      </c>
    </row>
    <row r="82" spans="1:4" ht="18" customHeight="1" x14ac:dyDescent="0.2">
      <c r="A82" s="13">
        <v>64</v>
      </c>
      <c r="B82" s="17">
        <v>2373</v>
      </c>
      <c r="C82" s="18">
        <v>2512</v>
      </c>
      <c r="D82" s="19">
        <v>4885</v>
      </c>
    </row>
    <row r="83" spans="1:4" ht="18" customHeight="1" x14ac:dyDescent="0.2">
      <c r="A83" s="13" t="s">
        <v>19</v>
      </c>
      <c r="B83" s="17">
        <v>11512</v>
      </c>
      <c r="C83" s="18">
        <v>12050</v>
      </c>
      <c r="D83" s="19">
        <v>23562</v>
      </c>
    </row>
    <row r="84" spans="1:4" ht="18" customHeight="1" x14ac:dyDescent="0.2">
      <c r="A84" s="13" t="s">
        <v>20</v>
      </c>
      <c r="B84" s="17">
        <v>124236</v>
      </c>
      <c r="C84" s="18">
        <v>117972</v>
      </c>
      <c r="D84" s="19">
        <v>242208</v>
      </c>
    </row>
    <row r="85" spans="1:4" ht="18" customHeight="1" x14ac:dyDescent="0.2">
      <c r="A85" s="13">
        <v>65</v>
      </c>
      <c r="B85" s="17">
        <v>2482</v>
      </c>
      <c r="C85" s="18">
        <v>2639</v>
      </c>
      <c r="D85" s="19">
        <v>5121</v>
      </c>
    </row>
    <row r="86" spans="1:4" ht="18" customHeight="1" x14ac:dyDescent="0.2">
      <c r="A86" s="13">
        <v>66</v>
      </c>
      <c r="B86" s="17">
        <v>2536</v>
      </c>
      <c r="C86" s="18">
        <v>2712</v>
      </c>
      <c r="D86" s="19">
        <v>5248</v>
      </c>
    </row>
    <row r="87" spans="1:4" ht="18" customHeight="1" x14ac:dyDescent="0.2">
      <c r="A87" s="13">
        <v>67</v>
      </c>
      <c r="B87" s="17">
        <v>2670</v>
      </c>
      <c r="C87" s="18">
        <v>2863</v>
      </c>
      <c r="D87" s="19">
        <v>5533</v>
      </c>
    </row>
    <row r="88" spans="1:4" ht="18" customHeight="1" x14ac:dyDescent="0.2">
      <c r="A88" s="13">
        <v>68</v>
      </c>
      <c r="B88" s="17">
        <v>2656</v>
      </c>
      <c r="C88" s="18">
        <v>2828</v>
      </c>
      <c r="D88" s="19">
        <v>5484</v>
      </c>
    </row>
    <row r="89" spans="1:4" ht="18" customHeight="1" x14ac:dyDescent="0.2">
      <c r="A89" s="13">
        <v>69</v>
      </c>
      <c r="B89" s="17">
        <v>2906</v>
      </c>
      <c r="C89" s="18">
        <v>3162</v>
      </c>
      <c r="D89" s="19">
        <v>6068</v>
      </c>
    </row>
    <row r="90" spans="1:4" ht="18" customHeight="1" x14ac:dyDescent="0.2">
      <c r="A90" s="13" t="s">
        <v>21</v>
      </c>
      <c r="B90" s="17">
        <v>13250</v>
      </c>
      <c r="C90" s="18">
        <v>14204</v>
      </c>
      <c r="D90" s="19">
        <v>27454</v>
      </c>
    </row>
    <row r="91" spans="1:4" ht="18" customHeight="1" x14ac:dyDescent="0.2">
      <c r="A91" s="13">
        <v>70</v>
      </c>
      <c r="B91" s="17">
        <v>3165</v>
      </c>
      <c r="C91" s="18">
        <v>3628</v>
      </c>
      <c r="D91" s="19">
        <v>6793</v>
      </c>
    </row>
    <row r="92" spans="1:4" ht="18" customHeight="1" x14ac:dyDescent="0.2">
      <c r="A92" s="13">
        <v>71</v>
      </c>
      <c r="B92" s="17">
        <v>3571</v>
      </c>
      <c r="C92" s="18">
        <v>3818</v>
      </c>
      <c r="D92" s="19">
        <v>7389</v>
      </c>
    </row>
    <row r="93" spans="1:4" ht="18" customHeight="1" x14ac:dyDescent="0.2">
      <c r="A93" s="13">
        <v>72</v>
      </c>
      <c r="B93" s="17">
        <v>3448</v>
      </c>
      <c r="C93" s="18">
        <v>4011</v>
      </c>
      <c r="D93" s="19">
        <v>7459</v>
      </c>
    </row>
    <row r="94" spans="1:4" ht="18" customHeight="1" x14ac:dyDescent="0.2">
      <c r="A94" s="13">
        <v>73</v>
      </c>
      <c r="B94" s="17">
        <v>2877</v>
      </c>
      <c r="C94" s="18">
        <v>3387</v>
      </c>
      <c r="D94" s="19">
        <v>6264</v>
      </c>
    </row>
    <row r="95" spans="1:4" ht="18" customHeight="1" x14ac:dyDescent="0.2">
      <c r="A95" s="13">
        <v>74</v>
      </c>
      <c r="B95" s="17">
        <v>1680</v>
      </c>
      <c r="C95" s="18">
        <v>1968</v>
      </c>
      <c r="D95" s="19">
        <v>3648</v>
      </c>
    </row>
    <row r="96" spans="1:4" ht="18" customHeight="1" x14ac:dyDescent="0.2">
      <c r="A96" s="13" t="s">
        <v>22</v>
      </c>
      <c r="B96" s="17">
        <v>14741</v>
      </c>
      <c r="C96" s="18">
        <v>16812</v>
      </c>
      <c r="D96" s="19">
        <v>31553</v>
      </c>
    </row>
    <row r="97" spans="1:4" ht="18" customHeight="1" x14ac:dyDescent="0.2">
      <c r="A97" s="13">
        <v>75</v>
      </c>
      <c r="B97" s="17">
        <v>2210</v>
      </c>
      <c r="C97" s="18">
        <v>2733</v>
      </c>
      <c r="D97" s="19">
        <v>4943</v>
      </c>
    </row>
    <row r="98" spans="1:4" ht="18" customHeight="1" x14ac:dyDescent="0.2">
      <c r="A98" s="13">
        <v>76</v>
      </c>
      <c r="B98" s="17">
        <v>2353</v>
      </c>
      <c r="C98" s="18">
        <v>3032</v>
      </c>
      <c r="D98" s="19">
        <v>5385</v>
      </c>
    </row>
    <row r="99" spans="1:4" ht="18" customHeight="1" x14ac:dyDescent="0.2">
      <c r="A99" s="13">
        <v>77</v>
      </c>
      <c r="B99" s="17">
        <v>2218</v>
      </c>
      <c r="C99" s="18">
        <v>2738</v>
      </c>
      <c r="D99" s="19">
        <v>4956</v>
      </c>
    </row>
    <row r="100" spans="1:4" ht="18" customHeight="1" x14ac:dyDescent="0.2">
      <c r="A100" s="13">
        <v>78</v>
      </c>
      <c r="B100" s="17">
        <v>2362</v>
      </c>
      <c r="C100" s="18">
        <v>3035</v>
      </c>
      <c r="D100" s="19">
        <v>5397</v>
      </c>
    </row>
    <row r="101" spans="1:4" ht="18" customHeight="1" x14ac:dyDescent="0.2">
      <c r="A101" s="13">
        <v>79</v>
      </c>
      <c r="B101" s="17">
        <v>1962</v>
      </c>
      <c r="C101" s="18">
        <v>2563</v>
      </c>
      <c r="D101" s="19">
        <v>4525</v>
      </c>
    </row>
    <row r="102" spans="1:4" ht="18" customHeight="1" x14ac:dyDescent="0.2">
      <c r="A102" s="13" t="s">
        <v>23</v>
      </c>
      <c r="B102" s="17">
        <v>11105</v>
      </c>
      <c r="C102" s="18">
        <v>14101</v>
      </c>
      <c r="D102" s="19">
        <v>25206</v>
      </c>
    </row>
    <row r="103" spans="1:4" ht="18" customHeight="1" x14ac:dyDescent="0.2">
      <c r="A103" s="13">
        <v>80</v>
      </c>
      <c r="B103" s="17">
        <v>1695</v>
      </c>
      <c r="C103" s="18">
        <v>2171</v>
      </c>
      <c r="D103" s="19">
        <v>3866</v>
      </c>
    </row>
    <row r="104" spans="1:4" ht="18" customHeight="1" x14ac:dyDescent="0.2">
      <c r="A104" s="13">
        <v>81</v>
      </c>
      <c r="B104" s="17">
        <v>1329</v>
      </c>
      <c r="C104" s="18">
        <v>1874</v>
      </c>
      <c r="D104" s="19">
        <v>3203</v>
      </c>
    </row>
    <row r="105" spans="1:4" ht="18" customHeight="1" x14ac:dyDescent="0.2">
      <c r="A105" s="13">
        <v>82</v>
      </c>
      <c r="B105" s="17">
        <v>1475</v>
      </c>
      <c r="C105" s="18">
        <v>2145</v>
      </c>
      <c r="D105" s="19">
        <v>3620</v>
      </c>
    </row>
    <row r="106" spans="1:4" ht="18" customHeight="1" x14ac:dyDescent="0.2">
      <c r="A106" s="13">
        <v>83</v>
      </c>
      <c r="B106" s="17">
        <v>1343</v>
      </c>
      <c r="C106" s="18">
        <v>2096</v>
      </c>
      <c r="D106" s="19">
        <v>3439</v>
      </c>
    </row>
    <row r="107" spans="1:4" ht="18" customHeight="1" x14ac:dyDescent="0.2">
      <c r="A107" s="13">
        <v>84</v>
      </c>
      <c r="B107" s="17">
        <v>1349</v>
      </c>
      <c r="C107" s="18">
        <v>2269</v>
      </c>
      <c r="D107" s="19">
        <v>3618</v>
      </c>
    </row>
    <row r="108" spans="1:4" ht="18" customHeight="1" x14ac:dyDescent="0.2">
      <c r="A108" s="13" t="s">
        <v>24</v>
      </c>
      <c r="B108" s="17">
        <v>7191</v>
      </c>
      <c r="C108" s="18">
        <v>10555</v>
      </c>
      <c r="D108" s="19">
        <v>17746</v>
      </c>
    </row>
    <row r="109" spans="1:4" ht="18" customHeight="1" x14ac:dyDescent="0.2">
      <c r="A109" s="13">
        <v>85</v>
      </c>
      <c r="B109" s="17">
        <v>1050</v>
      </c>
      <c r="C109" s="18">
        <v>1738</v>
      </c>
      <c r="D109" s="19">
        <v>2788</v>
      </c>
    </row>
    <row r="110" spans="1:4" ht="18" customHeight="1" x14ac:dyDescent="0.2">
      <c r="A110" s="13">
        <v>86</v>
      </c>
      <c r="B110" s="17">
        <v>1001</v>
      </c>
      <c r="C110" s="18">
        <v>1842</v>
      </c>
      <c r="D110" s="19">
        <v>2843</v>
      </c>
    </row>
    <row r="111" spans="1:4" ht="18" customHeight="1" x14ac:dyDescent="0.2">
      <c r="A111" s="13">
        <v>87</v>
      </c>
      <c r="B111" s="17">
        <v>849</v>
      </c>
      <c r="C111" s="18">
        <v>1887</v>
      </c>
      <c r="D111" s="19">
        <v>2736</v>
      </c>
    </row>
    <row r="112" spans="1:4" ht="18" customHeight="1" x14ac:dyDescent="0.2">
      <c r="A112" s="13">
        <v>88</v>
      </c>
      <c r="B112" s="17">
        <v>680</v>
      </c>
      <c r="C112" s="18">
        <v>1561</v>
      </c>
      <c r="D112" s="19">
        <v>2241</v>
      </c>
    </row>
    <row r="113" spans="1:4" ht="18" customHeight="1" x14ac:dyDescent="0.2">
      <c r="A113" s="13">
        <v>89</v>
      </c>
      <c r="B113" s="17">
        <v>592</v>
      </c>
      <c r="C113" s="18">
        <v>1395</v>
      </c>
      <c r="D113" s="19">
        <v>1987</v>
      </c>
    </row>
    <row r="114" spans="1:4" ht="18" customHeight="1" x14ac:dyDescent="0.2">
      <c r="A114" s="13" t="s">
        <v>25</v>
      </c>
      <c r="B114" s="17">
        <v>4172</v>
      </c>
      <c r="C114" s="18">
        <v>8423</v>
      </c>
      <c r="D114" s="19">
        <v>12595</v>
      </c>
    </row>
    <row r="115" spans="1:4" ht="18" customHeight="1" x14ac:dyDescent="0.2">
      <c r="A115" s="13">
        <v>90</v>
      </c>
      <c r="B115" s="17">
        <v>529</v>
      </c>
      <c r="C115" s="18">
        <v>1207</v>
      </c>
      <c r="D115" s="19">
        <v>1736</v>
      </c>
    </row>
    <row r="116" spans="1:4" ht="18" customHeight="1" x14ac:dyDescent="0.2">
      <c r="A116" s="13">
        <v>91</v>
      </c>
      <c r="B116" s="17">
        <v>414</v>
      </c>
      <c r="C116" s="18">
        <v>1145</v>
      </c>
      <c r="D116" s="19">
        <v>1559</v>
      </c>
    </row>
    <row r="117" spans="1:4" ht="18" customHeight="1" x14ac:dyDescent="0.2">
      <c r="A117" s="13">
        <v>92</v>
      </c>
      <c r="B117" s="17">
        <v>315</v>
      </c>
      <c r="C117" s="18">
        <v>913</v>
      </c>
      <c r="D117" s="19">
        <v>1228</v>
      </c>
    </row>
    <row r="118" spans="1:4" ht="18" customHeight="1" x14ac:dyDescent="0.2">
      <c r="A118" s="13">
        <v>93</v>
      </c>
      <c r="B118" s="17">
        <v>260</v>
      </c>
      <c r="C118" s="18">
        <v>722</v>
      </c>
      <c r="D118" s="19">
        <v>982</v>
      </c>
    </row>
    <row r="119" spans="1:4" ht="18" customHeight="1" x14ac:dyDescent="0.2">
      <c r="A119" s="13">
        <v>94</v>
      </c>
      <c r="B119" s="17">
        <v>181</v>
      </c>
      <c r="C119" s="18">
        <v>673</v>
      </c>
      <c r="D119" s="19">
        <v>854</v>
      </c>
    </row>
    <row r="120" spans="1:4" ht="18" customHeight="1" x14ac:dyDescent="0.2">
      <c r="A120" s="13" t="s">
        <v>26</v>
      </c>
      <c r="B120" s="17">
        <v>1699</v>
      </c>
      <c r="C120" s="18">
        <v>4660</v>
      </c>
      <c r="D120" s="19">
        <v>6359</v>
      </c>
    </row>
    <row r="121" spans="1:4" ht="18" customHeight="1" x14ac:dyDescent="0.2">
      <c r="A121" s="13">
        <v>95</v>
      </c>
      <c r="B121" s="17">
        <v>132</v>
      </c>
      <c r="C121" s="18">
        <v>520</v>
      </c>
      <c r="D121" s="19">
        <v>652</v>
      </c>
    </row>
    <row r="122" spans="1:4" ht="18" customHeight="1" x14ac:dyDescent="0.2">
      <c r="A122" s="13">
        <v>96</v>
      </c>
      <c r="B122" s="17">
        <v>82</v>
      </c>
      <c r="C122" s="18">
        <v>385</v>
      </c>
      <c r="D122" s="19">
        <v>467</v>
      </c>
    </row>
    <row r="123" spans="1:4" ht="18" customHeight="1" x14ac:dyDescent="0.2">
      <c r="A123" s="13">
        <v>97</v>
      </c>
      <c r="B123" s="17">
        <v>66</v>
      </c>
      <c r="C123" s="18">
        <v>290</v>
      </c>
      <c r="D123" s="19">
        <v>356</v>
      </c>
    </row>
    <row r="124" spans="1:4" ht="18" customHeight="1" x14ac:dyDescent="0.2">
      <c r="A124" s="13">
        <v>98</v>
      </c>
      <c r="B124" s="17">
        <v>38</v>
      </c>
      <c r="C124" s="18">
        <v>253</v>
      </c>
      <c r="D124" s="19">
        <v>291</v>
      </c>
    </row>
    <row r="125" spans="1:4" ht="18" customHeight="1" x14ac:dyDescent="0.2">
      <c r="A125" s="13">
        <v>99</v>
      </c>
      <c r="B125" s="17">
        <v>21</v>
      </c>
      <c r="C125" s="18">
        <v>148</v>
      </c>
      <c r="D125" s="19">
        <v>169</v>
      </c>
    </row>
    <row r="126" spans="1:4" ht="18" customHeight="1" x14ac:dyDescent="0.2">
      <c r="A126" s="13" t="s">
        <v>27</v>
      </c>
      <c r="B126" s="17">
        <v>339</v>
      </c>
      <c r="C126" s="18">
        <v>1596</v>
      </c>
      <c r="D126" s="19">
        <v>1935</v>
      </c>
    </row>
    <row r="127" spans="1:4" ht="18" customHeight="1" x14ac:dyDescent="0.2">
      <c r="A127" s="13">
        <v>100</v>
      </c>
      <c r="B127" s="17">
        <v>16</v>
      </c>
      <c r="C127" s="18">
        <v>105</v>
      </c>
      <c r="D127" s="19">
        <v>121</v>
      </c>
    </row>
    <row r="128" spans="1:4" ht="18" customHeight="1" x14ac:dyDescent="0.2">
      <c r="A128" s="20" t="s">
        <v>28</v>
      </c>
      <c r="B128" s="17">
        <v>19</v>
      </c>
      <c r="C128" s="18">
        <v>151</v>
      </c>
      <c r="D128" s="19">
        <v>170</v>
      </c>
    </row>
    <row r="129" spans="1:4" ht="18" customHeight="1" x14ac:dyDescent="0.2">
      <c r="A129" s="13" t="s">
        <v>29</v>
      </c>
      <c r="B129" s="17">
        <v>35</v>
      </c>
      <c r="C129" s="18">
        <v>256</v>
      </c>
      <c r="D129" s="19">
        <v>291</v>
      </c>
    </row>
    <row r="130" spans="1:4" ht="18" customHeight="1" x14ac:dyDescent="0.2">
      <c r="A130" s="13" t="s">
        <v>30</v>
      </c>
      <c r="B130" s="21">
        <v>52532</v>
      </c>
      <c r="C130" s="22">
        <v>70607</v>
      </c>
      <c r="D130" s="23">
        <v>123139</v>
      </c>
    </row>
    <row r="131" spans="1:4" ht="18" customHeight="1" x14ac:dyDescent="0.2">
      <c r="A131" s="24" t="s">
        <v>31</v>
      </c>
      <c r="B131" s="25">
        <v>202238</v>
      </c>
      <c r="C131" s="26">
        <v>212733</v>
      </c>
      <c r="D131" s="27">
        <v>414971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0-05-01T08:32:53Z</dcterms:created>
  <dcterms:modified xsi:type="dcterms:W3CDTF">2020-05-01T08:32:55Z</dcterms:modified>
</cp:coreProperties>
</file>